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s compétences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compé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ès à un expert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Mauvaise 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Utilisation de package ‘open source ’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compétition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Mauvaise 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verses 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Accès à un 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282839" y="2481467"/>
            <a:ext cx="121151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the package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855186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R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nk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between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web interface and R scripts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/>
              <a:t>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1921228" y="5652194"/>
            <a:ext cx="71673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Aujourd’hui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Dé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s fonctionnel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éc 9 - Dé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0" y="4366568"/>
            <a:ext cx="8768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–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émenter l'outil sur le serveur client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1172731708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09</TotalTime>
  <Words>492</Words>
  <Application>Microsoft Office PowerPoint</Application>
  <PresentationFormat>Widescreen</PresentationFormat>
  <Paragraphs>166</Paragraphs>
  <Slides>1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53</cp:revision>
  <dcterms:created xsi:type="dcterms:W3CDTF">2019-11-20T07:40:40Z</dcterms:created>
  <dcterms:modified xsi:type="dcterms:W3CDTF">2019-12-09T09:46:37Z</dcterms:modified>
</cp:coreProperties>
</file>